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23"/>
  </p:notesMasterIdLst>
  <p:handoutMasterIdLst>
    <p:handoutMasterId r:id="rId24"/>
  </p:handoutMasterIdLst>
  <p:sldIdLst>
    <p:sldId id="273" r:id="rId3"/>
    <p:sldId id="265" r:id="rId4"/>
    <p:sldId id="277" r:id="rId5"/>
    <p:sldId id="278" r:id="rId6"/>
    <p:sldId id="274" r:id="rId7"/>
    <p:sldId id="266" r:id="rId8"/>
    <p:sldId id="275" r:id="rId9"/>
    <p:sldId id="284" r:id="rId10"/>
    <p:sldId id="279" r:id="rId11"/>
    <p:sldId id="281" r:id="rId12"/>
    <p:sldId id="282" r:id="rId13"/>
    <p:sldId id="283" r:id="rId14"/>
    <p:sldId id="280" r:id="rId15"/>
    <p:sldId id="285" r:id="rId16"/>
    <p:sldId id="260" r:id="rId17"/>
    <p:sldId id="289" r:id="rId18"/>
    <p:sldId id="276" r:id="rId19"/>
    <p:sldId id="286" r:id="rId20"/>
    <p:sldId id="287" r:id="rId21"/>
    <p:sldId id="288" r:id="rId2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eur" initials="A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65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commentAuthors" Target="commentAuthors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3/5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3/5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32882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1852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05/03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05/03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Anthony Giretti</a:t>
            </a:r>
          </a:p>
          <a:p>
            <a:r>
              <a:rPr lang="fr-CA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Consultant </a:t>
            </a:r>
            <a:r>
              <a:rPr lang="fr-FR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sénior .NET chez Technologies NTER (Loto-Québec)</a:t>
            </a:r>
          </a:p>
          <a:p>
            <a:r>
              <a:rPr lang="fr-CA" sz="2000" cap="none" noProof="1">
                <a:latin typeface="Segoe UI" panose="020B0502040204020203" pitchFamily="34" charset="0"/>
                <a:cs typeface="Segoe UI" panose="020B0502040204020203" pitchFamily="34" charset="0"/>
              </a:rPr>
              <a:t>http://anthonygiretti.com</a:t>
            </a:r>
            <a:endParaRPr lang="fr-FR" sz="2000" cap="none" noProof="1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fr-FR" cap="none" noProof="1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2038" y="4049815"/>
            <a:ext cx="1482708" cy="14827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Massiv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850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icroOrm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ournissant uniquement des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eu de bases de données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relationelles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:</a:t>
            </a:r>
          </a:p>
          <a:p>
            <a:pPr marL="365760" lvl="1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ouble Syntaxe SQL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Fournit les commandes de base uniquement, syntaxe simpliste (pa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Joi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ar exemple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les transactions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faire hériter ses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cos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’une classe nommée « 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ynamicMode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 »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apper ses données dans un autre objet typé similaire ou se contenter de données dynamiq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e packag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NuGet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télécharger deux fichiers sur le repo GitHub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Testable unitairement ? : pas de réponse à dat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J : </a:t>
            </a:r>
            <a:r>
              <a:rPr lang="fr-CA" dirty="0" err="1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pris en charge depuis peu (télécharger un fichier sur </a:t>
            </a:r>
            <a:r>
              <a:rPr lang="fr-CA" dirty="0" err="1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ithub</a:t>
            </a:r>
            <a:r>
              <a:rPr lang="fr-CA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)</a:t>
            </a:r>
            <a:endParaRPr lang="fr-FR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45684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85000"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«  Inspiré » de Massive, probablement un fork de ce dernier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les bases de données 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MySQL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Triple Syntaxe SQL, 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et hybride LINQ /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’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Insert, Update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ele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identiques à Massiv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’ajouter des attribut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si on utilise des alias dans la requête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as d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57918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Fork d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ême avantage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avec des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eatures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additionnelle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ans un objet existant possibl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uppor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les jeux de données multiples (comme EF, mais plus élégant)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syn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(mais pas toute les opération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t bien d’autres encore…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yntax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quasiment identique, plus simple dans la plupart des cas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G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stion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des relations simplifié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P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lus besoin d’attributs d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comm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les alias sont mieux pris en charg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Moins populaire qu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communauté moins active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833767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éveloppé par l’équip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erviceStack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relationnelles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VistaDB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ouble Syntaxe 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(élégante) et SQL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A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intéress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56944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Dapper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Développé par l’équipe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tackExchange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relationnelles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FireBird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A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I riche en fonctionnali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ommunauté très active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très intéressantes (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apping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le plus rapide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.N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Co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les transactions, et le requêtes asynchron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Relations non supportées, mapper facile à utiliser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les rela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Insert, Update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ele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iquement en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texte : un peu plus fastidieux à écrir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stable unitairement, grandement facilité avec «  </a:t>
            </a:r>
            <a:r>
              <a:rPr lang="fr-CA" dirty="0" err="1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Wrapper</a:t>
            </a: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» et «  </a:t>
            </a:r>
            <a:r>
              <a:rPr lang="fr-CA" dirty="0" err="1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Parameters</a:t>
            </a:r>
            <a:r>
              <a:rPr lang="fr-CA" dirty="0">
                <a:solidFill>
                  <a:srgbClr val="0070C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» pour unit tester les procédures stockées</a:t>
            </a:r>
            <a:endParaRPr lang="fr-FR" dirty="0">
              <a:solidFill>
                <a:srgbClr val="0070C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303896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>
            <a:normAutofit fontScale="90000"/>
          </a:bodyPr>
          <a:lstStyle/>
          <a:p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Aperçu des performances </a:t>
            </a:r>
            <a:b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Select unique avec 500 enregistrements</a:t>
            </a:r>
            <a:endParaRPr lang="fr-FR" noProof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6" name="Espace réservé du contenu 5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1120" y="1023457"/>
            <a:ext cx="9302889" cy="5232874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>
            <a:normAutofit fontScale="90000"/>
          </a:bodyPr>
          <a:lstStyle/>
          <a:p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Aperçu des performances </a:t>
            </a:r>
            <a:b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fr-CA" noProof="1">
                <a:latin typeface="Segoe UI" panose="020B0502040204020203" pitchFamily="34" charset="0"/>
                <a:cs typeface="Segoe UI" panose="020B0502040204020203" pitchFamily="34" charset="0"/>
              </a:rPr>
              <a:t>Select en boucle avec un enregistrement unique</a:t>
            </a:r>
            <a:endParaRPr lang="fr-FR" noProof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335061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91962"/>
          </a:xfrm>
        </p:spPr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Récapitulatif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98739614"/>
              </p:ext>
            </p:extLst>
          </p:nvPr>
        </p:nvGraphicFramePr>
        <p:xfrm>
          <a:off x="212520" y="1686383"/>
          <a:ext cx="11979481" cy="3171852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67705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285207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855084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289667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109708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31651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905522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127464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639192">
                  <a:extLst>
                    <a:ext uri="{9D8B030D-6E8A-4147-A177-3AD203B41FA5}">
                      <a16:colId xmlns:a16="http://schemas.microsoft.com/office/drawing/2014/main" val="2893047761"/>
                    </a:ext>
                  </a:extLst>
                </a:gridCol>
                <a:gridCol w="1068281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icence / Installation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rise en m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munauté, documentation, maturité, Fréquence Maj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rformances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upport</a:t>
                      </a:r>
                    </a:p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fférentes </a:t>
                      </a:r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dd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upport </a:t>
                      </a:r>
                    </a:p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.Net </a:t>
                      </a:r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re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nsactions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sync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b="1" i="0" kern="1200" dirty="0">
                          <a:solidFill>
                            <a:schemeClr val="bg1"/>
                          </a:solidFill>
                          <a:effectLst/>
                          <a:latin typeface="Segoe UI" panose="020B0502040204020203" pitchFamily="34" charset="0"/>
                          <a:ea typeface="+mn-ea"/>
                          <a:cs typeface="Segoe UI" panose="020B0502040204020203" pitchFamily="34" charset="0"/>
                        </a:rPr>
                        <a:t>Testabilité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F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ssive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élécharger 2 fichie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apper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rmlite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impleData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taPoco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                    </a:t>
                      </a:r>
                      <a:endParaRPr lang="fr-FR" sz="10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Poco</a:t>
                      </a:r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ckage </a:t>
                      </a:r>
                      <a:r>
                        <a:rPr lang="fr-FR" sz="110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get</a:t>
                      </a:r>
                      <a:endParaRPr lang="fr-FR" sz="11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297" y="2203664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2551" y="2207063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2713" y="4167731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99117" y="4172808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69" y="3412596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91742" y="3418806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8372" y="3789807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66508" y="2189565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7013" y="2196085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2254" y="2196085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7244" y="262488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8537" y="3009698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9042" y="3016218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283" y="3016218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1485" y="3788329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9096" y="4171486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3350" y="4167731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842" y="4167731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5615" y="4541359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2817" y="4541359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0955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49372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0605" y="2908556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7976" y="3278750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43507" y="3672531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8973" y="4055741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1356" y="4439604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78088" y="2079157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9943" y="2887032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3379" y="3282356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80" y="4050360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9943" y="4427739"/>
            <a:ext cx="445316" cy="445316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7565" y="3741268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432" y="207972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6838" y="2070123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432" y="2512281"/>
            <a:ext cx="445316" cy="445316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9335" y="2908556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4941" y="2894081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6468" y="328099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8470" y="3286164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6838" y="3704687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63395" y="3733635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4687" y="4051974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63395" y="4132985"/>
            <a:ext cx="317175" cy="317175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8470" y="4438707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072" y="4446653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9536" y="2173132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9536" y="3767114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2618369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2624889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2624889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2999213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3005733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3005733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5002" y="3383437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5507" y="3389957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0748" y="3389957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7765" y="4145205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18270" y="4151725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23511" y="4151725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8436" y="452967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8941" y="453619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4182" y="4536198"/>
            <a:ext cx="305746" cy="292736"/>
          </a:xfrm>
          <a:prstGeom prst="rect">
            <a:avLst/>
          </a:prstGeom>
        </p:spPr>
      </p:pic>
      <p:pic>
        <p:nvPicPr>
          <p:cNvPr id="112" name="Image 1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7244" y="3412188"/>
            <a:ext cx="305746" cy="292736"/>
          </a:xfrm>
          <a:prstGeom prst="rect">
            <a:avLst/>
          </a:prstGeom>
        </p:spPr>
      </p:pic>
      <p:pic>
        <p:nvPicPr>
          <p:cNvPr id="113" name="Image 1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1567" y="3409566"/>
            <a:ext cx="305746" cy="292736"/>
          </a:xfrm>
          <a:prstGeom prst="rect">
            <a:avLst/>
          </a:prstGeom>
        </p:spPr>
      </p:pic>
      <p:pic>
        <p:nvPicPr>
          <p:cNvPr id="114" name="Image 1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84283" y="3411650"/>
            <a:ext cx="305746" cy="292736"/>
          </a:xfrm>
          <a:prstGeom prst="rect">
            <a:avLst/>
          </a:prstGeom>
        </p:spPr>
      </p:pic>
      <p:pic>
        <p:nvPicPr>
          <p:cNvPr id="116" name="Image 115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2951" y="2569857"/>
            <a:ext cx="317175" cy="317175"/>
          </a:xfrm>
          <a:prstGeom prst="rect">
            <a:avLst/>
          </a:prstGeom>
        </p:spPr>
      </p:pic>
      <p:pic>
        <p:nvPicPr>
          <p:cNvPr id="117" name="Image 11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1368" y="2487120"/>
            <a:ext cx="445316" cy="445316"/>
          </a:xfrm>
          <a:prstGeom prst="rect">
            <a:avLst/>
          </a:prstGeom>
        </p:spPr>
      </p:pic>
      <p:sp>
        <p:nvSpPr>
          <p:cNvPr id="3" name="ZoneTexte 2"/>
          <p:cNvSpPr txBox="1"/>
          <p:nvPr/>
        </p:nvSpPr>
        <p:spPr>
          <a:xfrm>
            <a:off x="20621" y="5452957"/>
            <a:ext cx="80076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- Ils supportent tous l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éxécutio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es procédures stockées, vues, fonctions</a:t>
            </a:r>
          </a:p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- Ils sont tous protégés des injection SQL (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aramétrisation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des requêtes)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83" name="Image 8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8216" y="2070123"/>
            <a:ext cx="445316" cy="445316"/>
          </a:xfrm>
          <a:prstGeom prst="rect">
            <a:avLst/>
          </a:prstGeom>
        </p:spPr>
      </p:pic>
      <p:pic>
        <p:nvPicPr>
          <p:cNvPr id="84" name="Image 83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58216" y="3733634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3559" y="2887032"/>
            <a:ext cx="445316" cy="445316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2533123"/>
            <a:ext cx="424474" cy="424474"/>
          </a:xfrm>
          <a:prstGeom prst="rect">
            <a:avLst/>
          </a:prstGeom>
        </p:spPr>
      </p:pic>
      <p:pic>
        <p:nvPicPr>
          <p:cNvPr id="18" name="Image 1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3318732"/>
            <a:ext cx="371999" cy="371999"/>
          </a:xfrm>
          <a:prstGeom prst="rect">
            <a:avLst/>
          </a:prstGeom>
        </p:spPr>
      </p:pic>
      <p:pic>
        <p:nvPicPr>
          <p:cNvPr id="103" name="Image 10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4072462"/>
            <a:ext cx="371999" cy="371999"/>
          </a:xfrm>
          <a:prstGeom prst="rect">
            <a:avLst/>
          </a:prstGeom>
        </p:spPr>
      </p:pic>
      <p:pic>
        <p:nvPicPr>
          <p:cNvPr id="104" name="Image 10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1434" y="4483311"/>
            <a:ext cx="371999" cy="371999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1613" y="4560030"/>
            <a:ext cx="305746" cy="292736"/>
          </a:xfrm>
          <a:prstGeom prst="rect">
            <a:avLst/>
          </a:prstGeom>
        </p:spPr>
      </p:pic>
      <p:pic>
        <p:nvPicPr>
          <p:cNvPr id="115" name="Image 1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5867" y="4556275"/>
            <a:ext cx="305746" cy="292736"/>
          </a:xfrm>
          <a:prstGeom prst="rect">
            <a:avLst/>
          </a:prstGeom>
        </p:spPr>
      </p:pic>
      <p:pic>
        <p:nvPicPr>
          <p:cNvPr id="119" name="Image 1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67359" y="4556275"/>
            <a:ext cx="305746" cy="292736"/>
          </a:xfrm>
          <a:prstGeom prst="rect">
            <a:avLst/>
          </a:prstGeom>
        </p:spPr>
      </p:pic>
      <p:pic>
        <p:nvPicPr>
          <p:cNvPr id="120" name="Image 1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85424" y="3000932"/>
            <a:ext cx="305746" cy="292736"/>
          </a:xfrm>
          <a:prstGeom prst="rect">
            <a:avLst/>
          </a:prstGeom>
        </p:spPr>
      </p:pic>
      <p:pic>
        <p:nvPicPr>
          <p:cNvPr id="121" name="Image 1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678" y="2997177"/>
            <a:ext cx="305746" cy="292736"/>
          </a:xfrm>
          <a:prstGeom prst="rect">
            <a:avLst/>
          </a:prstGeom>
        </p:spPr>
      </p:pic>
      <p:pic>
        <p:nvPicPr>
          <p:cNvPr id="124" name="Image 12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91170" y="2997177"/>
            <a:ext cx="305746" cy="292736"/>
          </a:xfrm>
          <a:prstGeom prst="rect">
            <a:avLst/>
          </a:prstGeom>
        </p:spPr>
      </p:pic>
      <p:pic>
        <p:nvPicPr>
          <p:cNvPr id="125" name="Image 1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5605" y="2627975"/>
            <a:ext cx="305746" cy="292736"/>
          </a:xfrm>
          <a:prstGeom prst="rect">
            <a:avLst/>
          </a:prstGeom>
        </p:spPr>
      </p:pic>
      <p:pic>
        <p:nvPicPr>
          <p:cNvPr id="126" name="Image 1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9859" y="2624220"/>
            <a:ext cx="305746" cy="292736"/>
          </a:xfrm>
          <a:prstGeom prst="rect">
            <a:avLst/>
          </a:prstGeom>
        </p:spPr>
      </p:pic>
      <p:pic>
        <p:nvPicPr>
          <p:cNvPr id="127" name="Image 1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351" y="2624220"/>
            <a:ext cx="305746" cy="292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Lesquels sortent du lot?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pour la simplicité de sa syntax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Dapp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pour ses performances exceptionnelles et sa communauté qui l’entour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sa double syntaxe LINQ-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et SQL, et pour ses fonctionnalités riches</a:t>
            </a: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98007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Qu’en conclure ?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Dapp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est aujourd’hui le plus populaire pour ses performances exceptionnell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Ormlit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 méritent aussi d’être adopté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Faut-il se séparer d’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EntityFramework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?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eul le futur le dira, mais si c’est uniquement pour une raison de performances on peut en effet le supplanter par un micro ORM</a:t>
            </a: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456196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L'arrivée il y 10 ans d'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ntity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ramework a permis de requêter une base de données sans écrire une seule ligne de SQL. </a:t>
            </a: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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e qui a permis d’augmenter la productivité des développeurs.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Entity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Framework a apporté son lot d'avantages mais aussi d'inconvénients…….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À surveiller….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imple.Data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SqlFU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Artisan ORM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Xpoco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Nreco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Uni.Orm</a:t>
            </a: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9690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185934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CA" dirty="0"/>
              <a:t>Avantag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861545"/>
            <a:ext cx="9509760" cy="318071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Gain de productivité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1567528"/>
            <a:ext cx="10163336" cy="4707437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77930" y="3534586"/>
            <a:ext cx="4209596" cy="2504805"/>
          </a:xfrm>
          <a:prstGeom prst="rect">
            <a:avLst/>
          </a:prstGeom>
        </p:spPr>
      </p:pic>
      <p:sp>
        <p:nvSpPr>
          <p:cNvPr id="7" name="Flèche : droite 6"/>
          <p:cNvSpPr/>
          <p:nvPr/>
        </p:nvSpPr>
        <p:spPr>
          <a:xfrm>
            <a:off x="7553520" y="4544672"/>
            <a:ext cx="848820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4449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Inconvénients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CA" dirty="0">
              <a:latin typeface="Segoe UI" panose="020B0502040204020203" pitchFamily="34" charset="0"/>
              <a:cs typeface="Segoe UI" panose="020B0502040204020203" pitchFamily="34" charset="0"/>
              <a:sym typeface="Wingdings" panose="05000000000000000000" pitchFamily="2" charset="2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LazyLoad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EagerLoading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Nombreux bugs de mise à jour du modèle EDMX en mo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Databas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First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89540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698971"/>
            <a:ext cx="9509760" cy="584544"/>
          </a:xfrm>
        </p:spPr>
        <p:txBody>
          <a:bodyPr>
            <a:normAutofit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Les alternativ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ompatibilité avec les différentes bases de données relationnell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Communauté autour de ces derniers</a:t>
            </a: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311427" y="2597984"/>
            <a:ext cx="131571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631220" y="4663844"/>
            <a:ext cx="6673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41780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pparition d’ADO.NET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62051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782725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010832" y="4663844"/>
            <a:ext cx="62401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mLite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768695" y="2597984"/>
            <a:ext cx="86252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qlFu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8" y="4663844"/>
            <a:ext cx="72511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icroLite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Uni.Orm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Reco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759410" y="4763113"/>
            <a:ext cx="106099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tisan </a:t>
            </a:r>
            <a:r>
              <a:rPr lang="en-US" sz="1200" b="1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m</a:t>
            </a:r>
            <a:endParaRPr lang="en-US" sz="1200" b="1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endParaRPr lang="en-US" sz="1200" b="1" spc="-4" dirty="0">
              <a:solidFill>
                <a:srgbClr val="62433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rigines d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et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Flèche : droite 6"/>
          <p:cNvSpPr/>
          <p:nvPr/>
        </p:nvSpPr>
        <p:spPr>
          <a:xfrm>
            <a:off x="3311010" y="3477005"/>
            <a:ext cx="827405" cy="21260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1937857" y="3330429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Massive (2011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ZoneTexte 9"/>
          <p:cNvSpPr txBox="1"/>
          <p:nvPr/>
        </p:nvSpPr>
        <p:spPr>
          <a:xfrm>
            <a:off x="4138415" y="3330429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Peta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1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" name="Flèche : courbe vers le bas 13"/>
          <p:cNvSpPr/>
          <p:nvPr/>
        </p:nvSpPr>
        <p:spPr>
          <a:xfrm>
            <a:off x="5073024" y="2377565"/>
            <a:ext cx="2020957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073024" y="4261607"/>
            <a:ext cx="2020957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40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987043" y="2817953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N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2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6987043" y="3846108"/>
            <a:ext cx="189591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sz="2400" dirty="0" err="1">
                <a:latin typeface="Segoe UI" panose="020B0502040204020203" pitchFamily="34" charset="0"/>
                <a:cs typeface="Segoe UI" panose="020B0502040204020203" pitchFamily="34" charset="0"/>
              </a:rPr>
              <a:t>XPoco</a:t>
            </a:r>
            <a:r>
              <a:rPr lang="fr-CA" sz="2400" dirty="0">
                <a:latin typeface="Segoe UI" panose="020B0502040204020203" pitchFamily="34" charset="0"/>
                <a:cs typeface="Segoe UI" panose="020B0502040204020203" pitchFamily="34" charset="0"/>
              </a:rPr>
              <a:t> (2017)</a:t>
            </a:r>
            <a:endParaRPr lang="fr-FR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73142"/>
          </a:xfrm>
        </p:spPr>
        <p:txBody>
          <a:bodyPr/>
          <a:lstStyle/>
          <a:p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cénario utilisé</a:t>
            </a: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81246" y="1012054"/>
            <a:ext cx="8405627" cy="5116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66112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yntaxe entièrement dynamique, conséquence : pas d'IntelliSense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ompatibl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QL Server, Oracle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Mysql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SqlLit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stgreSql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SqlAnyWhere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Informix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Microsoft Access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Syntaxe peu compliquée (LINQ-</a:t>
            </a:r>
            <a:r>
              <a:rPr lang="fr-FR" dirty="0" err="1">
                <a:latin typeface="Segoe UI" panose="020B0502040204020203" pitchFamily="34" charset="0"/>
                <a:cs typeface="Segoe UI" panose="020B0502040204020203" pitchFamily="34" charset="0"/>
              </a:rPr>
              <a:t>like</a:t>
            </a: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Supporte les transaction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>
                <a:latin typeface="Segoe UI" panose="020B0502040204020203" pitchFamily="34" charset="0"/>
                <a:cs typeface="Segoe UI" panose="020B0502040204020203" pitchFamily="34" charset="0"/>
              </a:rPr>
              <a:t>Performances décevant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Gestion de la connexion douteuse : « </a:t>
            </a:r>
            <a:r>
              <a:rPr lang="en-US" i="1" dirty="0" err="1">
                <a:latin typeface="Segoe UI" panose="020B0502040204020203" pitchFamily="34" charset="0"/>
                <a:cs typeface="Segoe UI" panose="020B0502040204020203" pitchFamily="34" charset="0"/>
              </a:rPr>
              <a:t>Simple.Data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 is quite aggressive in closing connections and holds no open connections to a data store by default, so you can keep the Database object returned from the Open*() methods hanging around without worrying.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»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Obligation de créer une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query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AdHoc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pour </a:t>
            </a:r>
            <a:r>
              <a:rPr lang="fr-CA" dirty="0" err="1">
                <a:latin typeface="Segoe UI" panose="020B0502040204020203" pitchFamily="34" charset="0"/>
                <a:cs typeface="Segoe UI" panose="020B0502040204020203" pitchFamily="34" charset="0"/>
              </a:rPr>
              <a:t>populer</a:t>
            </a: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 un objet (relations non supporté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Non testable unitairemen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latin typeface="Segoe UI" panose="020B0502040204020203" pitchFamily="34" charset="0"/>
                <a:cs typeface="Segoe UI" panose="020B0502040204020203" pitchFamily="34" charset="0"/>
              </a:rPr>
              <a:t>Était Prometteur mais malheureusement il n’est plus mis à jour depuis 2013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45720" indent="0">
              <a:buNone/>
            </a:pPr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4610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746</Words>
  <Application>Microsoft Office PowerPoint</Application>
  <PresentationFormat>Grand écran</PresentationFormat>
  <Paragraphs>187</Paragraphs>
  <Slides>20</Slides>
  <Notes>2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0</vt:i4>
      </vt:variant>
    </vt:vector>
  </HeadingPairs>
  <TitlesOfParts>
    <vt:vector size="25" baseType="lpstr">
      <vt:lpstr>Arial</vt:lpstr>
      <vt:lpstr>Constantia</vt:lpstr>
      <vt:lpstr>Segoe UI</vt:lpstr>
      <vt:lpstr>Wingdings</vt:lpstr>
      <vt:lpstr>Sheer Blue 16x9</vt:lpstr>
      <vt:lpstr>Les Micro ORM, alternatives à Entity Framework</vt:lpstr>
      <vt:lpstr>Introduction</vt:lpstr>
      <vt:lpstr>Avantage</vt:lpstr>
      <vt:lpstr>Inconvénients</vt:lpstr>
      <vt:lpstr>Les alternatives</vt:lpstr>
      <vt:lpstr>Historique</vt:lpstr>
      <vt:lpstr>Origines de PetaPoco, NPoco et XPoco</vt:lpstr>
      <vt:lpstr>Scénario utilisé</vt:lpstr>
      <vt:lpstr>Simple.Data</vt:lpstr>
      <vt:lpstr>Massive</vt:lpstr>
      <vt:lpstr>PetaPoco</vt:lpstr>
      <vt:lpstr>NPoco</vt:lpstr>
      <vt:lpstr>OrmLite</vt:lpstr>
      <vt:lpstr>Dapper</vt:lpstr>
      <vt:lpstr>Aperçu des performances  Select unique avec 500 enregistrements</vt:lpstr>
      <vt:lpstr>Aperçu des performances  Select en boucle avec un enregistrement unique</vt:lpstr>
      <vt:lpstr>Récapitulatif</vt:lpstr>
      <vt:lpstr>Lesquels sortent du lot?</vt:lpstr>
      <vt:lpstr>Qu’en conclure ?</vt:lpstr>
      <vt:lpstr>À surveiller…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3-05T23:49:04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